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6. Renátka\043_2022 Pozáručný servis zariadení výrobcu B.Braun\02. Príprava\05. PTK\01. Odoslanie PTK\"/>
    </mc:Choice>
  </mc:AlternateContent>
  <bookViews>
    <workbookView xWindow="0" yWindow="0" windowWidth="23040" windowHeight="9195"/>
  </bookViews>
  <sheets>
    <sheet name="Cenová ponuka" sheetId="8" r:id="rId1"/>
  </sheets>
  <definedNames>
    <definedName name="_xlnm.Print_Area" localSheetId="0">'Cenová ponuka'!$B$1:$F$12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4" uniqueCount="156">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8.</t>
  </si>
  <si>
    <t>9.</t>
  </si>
  <si>
    <t>11.</t>
  </si>
  <si>
    <t>14.</t>
  </si>
  <si>
    <t>tovar, služba</t>
  </si>
  <si>
    <t>7.</t>
  </si>
  <si>
    <t>12.</t>
  </si>
  <si>
    <t>13.</t>
  </si>
  <si>
    <t>15.</t>
  </si>
  <si>
    <t>16.</t>
  </si>
  <si>
    <t>17.</t>
  </si>
  <si>
    <t>19.</t>
  </si>
  <si>
    <t>20.</t>
  </si>
  <si>
    <t>21.</t>
  </si>
  <si>
    <t xml:space="preserve">1. </t>
  </si>
  <si>
    <t>xxx</t>
  </si>
  <si>
    <t>Položka č. 2</t>
  </si>
  <si>
    <t>Položka č. 3</t>
  </si>
  <si>
    <t>Položka č. 4</t>
  </si>
  <si>
    <t>Pozáručný servis zariadení výrobcu B. Braun</t>
  </si>
  <si>
    <t>Bezpečnostno technická kontrola pre dávkovače injekčné a infúzne</t>
  </si>
  <si>
    <t>Bezpečnostno technická kontrola pre dávkovacie stanice jednoduché</t>
  </si>
  <si>
    <t>Bezpečnostno technická kontrola pre dávkovacie stanice dvojité</t>
  </si>
  <si>
    <t>Pozáručná a mimozáručná servisná starostlivosť</t>
  </si>
  <si>
    <t>celok</t>
  </si>
  <si>
    <t>Požadovaný počet MJ za zmluvné obdobie      24 mesiacov</t>
  </si>
  <si>
    <t>Položka č.1 -Bezpečnostno technická kontrola pre dávkovače injekčné a infúzne</t>
  </si>
  <si>
    <t>Položka č. 2 - Bezpečnostno technická kontrola pre dávkovacie stanice jednoduché</t>
  </si>
  <si>
    <t>Položka č. 3 Bezpečnostno technická kontrola pre dávkovacie stanice dvojité</t>
  </si>
  <si>
    <t>Položka č. 4 - Pozáručná a mimozáručná servisná starostlivosť</t>
  </si>
  <si>
    <t>Realizácia pravidelných bezpečnostných a technických kontrol a ďalších úkonovsmerujúcich k zachovaniu bezpečnosti a plnej funkčnosti infúznej techniky.</t>
  </si>
  <si>
    <t>Súčasťou odbornej údržby je zároveň vykonávanie elektrickej kontroly infúznej techniky, ktorá je elektrickým zariadením.</t>
  </si>
  <si>
    <t>50400000-9  Opravy a údržba lekárskych a presných zariadení</t>
  </si>
  <si>
    <t xml:space="preserve">Požaduje sa uzatvorenie zmluvy na obdobie dvadsiatich štyroch (24) kalendárnych mesiacov odo dňa nadobudnutia účinnosti zmluvy. </t>
  </si>
  <si>
    <t>Požaduje sa poskytovať službu pozáručnej servisnej starostlivosti a odbornej údržby v súlade s Technickou špecifikáciou predmetu zákazky.</t>
  </si>
  <si>
    <t>Požaduje sa poskytovanie služby na základe individuálnych objednávok objednávateľa.</t>
  </si>
  <si>
    <t>Požaduje sa prebratie infúznej techniky najneskôr do štyridsiatich ôsmich (48) hodín od zaslania objednávky zodpovednou osobou objednávateľa dodávateľovi.</t>
  </si>
  <si>
    <t xml:space="preserve">Požaduje sa prebratie infúznej techniky za účelom opravy v pracovných dňoch v čase od 07,30 hod. do 16,00 hod., okrem prípadov, ak sa zmluvné strany písomne nedohodnú inak, a to v sídle objednávateľa. </t>
  </si>
  <si>
    <t xml:space="preserve">Požaduje sa poskytovanie služieb v najvyššej dostupnej kvalite tak, aby vyhovovali potrebám objednávateľa. Taktiež sa požaduje poskytovať služby s náležitou odbornou starostlivosťou a prostredníctvom osôb, ktoré majú potrebnú kvalifikáciu vrátane doklad o preškolení výrobcom B.Braun zahŕňajúci infúznu techniku, ktorá bude súčasťou uzatvorenej zmluvy a skúseností nevyhnutných na plnenie povinností podľa uzatvorenej zmluvy. Požaduje sa poskytovanie služieb v súlade so známymi a najnovšími technologickými poznatkami výrobcu B.Braun. </t>
  </si>
  <si>
    <t>Požaduje sa akceptovanie objednávok pozáručného servisu v elektronickej podobe zaslaných na emailovú adresu, ktorú dodávateľ oznámi objednávateľovi po uzatvorení zmluvného vzťahu.</t>
  </si>
  <si>
    <t>Požaduje sa vyhotovenie návrhu kalkulácie servisu v súlade s uzatvorenou zmluvou ku každej objednávke. Objednávateľ musí odsúhlasiť cenu a rozsah opravy, najneskôr v lehote do tridsiatich (30) kalendárnych dní odo dňa doručenia návrhu kalkulácie servisu. V prípade, ak súhlas v uvedenej lehote dodávateľovi neoznámi alebo ak oznámi, že o opravu už nemá záujem, dodávateľ je povinný infúznu techniku objednávateľovi bezodkladne vrátiť, čím objednávku objednávateľa odmietne.</t>
  </si>
  <si>
    <t>Požaduje sa poskytnutie zodpovednosti za vady servisných služieb podľa Obchodného zákonníka a tiež záruky za akosť na servisné služby.</t>
  </si>
  <si>
    <t xml:space="preserve">10. </t>
  </si>
  <si>
    <t>Požaduje sa poskytnutie minimálne 3-mesačnej záručnej doby na servisné práce od vykonania opravy a 6-mesačnej záručnej doby na dodané náhradné diely od vykonania opravy.</t>
  </si>
  <si>
    <t>Dodávateľ za vady servisnej služby nezodpovedá v prípade, ak boli spôsobené:</t>
  </si>
  <si>
    <t>11.1</t>
  </si>
  <si>
    <t>11.2</t>
  </si>
  <si>
    <t>11.3</t>
  </si>
  <si>
    <t>11.4</t>
  </si>
  <si>
    <t>v dôsledku živelnej pohromy, vyššej moci alebo vandalizmu alebo</t>
  </si>
  <si>
    <t>inštaláciou, prevádzkou a údržbou infúznej techniky v rozpore s návodom na obsluhu alebo</t>
  </si>
  <si>
    <t>neoprávneným zásahom tretích osôb alebo</t>
  </si>
  <si>
    <t>prevádzkovaním infúznej techniky v prostredí, ktoré je v rozpore s technickými podmienkami stanovenými výrobcom, príp. dodávateľom.</t>
  </si>
  <si>
    <t xml:space="preserve">Dodávateľ je povinný oznámiť príchod pracovníkov na výkon pred začatím každého výkonu, a to kontaktnej osobe objednávateľa. Informácia o kontaktnej osobe objednávateľa bude zaslaná dodávateľovi bezprostredne po uzatvorení zmluvy. </t>
  </si>
  <si>
    <t>Požaduje sa platbu za plnenie realizovať bezhotovostným platobným stykom na základe faktúry doručenej dodávateľom. Dodávateľ vystaví faktúru za plnenie služby v súlade s ustanovením § 73 zákona č. 222/2004 Z. z. o dani z pridanej hodnoty v znení neskorších predpisov (ďalej len „zákon o DPH“), najneskôr však do piateho (5) pracovného dňa v kalendárnom mesiaci, nasledujúcom po mesiaci, v ktorom došlo k poskytnutiu servisnej starostlivosti.</t>
  </si>
  <si>
    <t>Požaduje sa dohodnutie odmeny v súlade so zákonom č. 18/1996 Z. z. o cenách v znení neskorších predpisov a vyhláškou č. 87/1996 Z. z., ktorou sa vykonáva zákon č. 18/1996 Z. z. o cenách, ako cena za vykonávanie servisnej starostlivosti, pričom bude maximálnou a záväznou počas platnosti uzatvorenej zmluvy.</t>
  </si>
  <si>
    <t>Požaduje sa v prípade náhradných dielov v každom osobitnom prípade súhlas objednávateľa s kúpu a montážou náhradného dielu a odsúhlasenie jeho ceny.</t>
  </si>
  <si>
    <t>Celková cena za poskytnuté služby zahŕňa celkovú logistiku súvisiacu so servisom infúznej techniky, dopravné a balné náklady vrátane cestovných nákladov technika do miesta dodania služby a späť a zároveň zvoz do servisného centra a rozvoz opravenej techniky.</t>
  </si>
  <si>
    <t xml:space="preserve">Požaduje sa platbu za plnenie realizovať bezhotovostným platobným stykom na základe faktúry doručenej dodávateľom. </t>
  </si>
  <si>
    <t xml:space="preserve">Dodávateľ vystaví faktúru za plnenie služby/za dodaný náhradný diel v súlade s ustanovením § 73 zákona č. 222/2004 Z. z. o dani z pridanej hodnoty v znení neskorších predpisov (ďalej len „zákon o DPH“), najneskôr však do piateho (5) pracovného dňa v kalendárnom mesiaci, nasledujúcom po mesiaci, v ktorom došlo k poskytnutiu servisnej starostlivosti. </t>
  </si>
  <si>
    <t>18.</t>
  </si>
  <si>
    <t xml:space="preserve">Požaduje sa, aby dodávateľ vystavoval faktúry so splatnosťou do šesťdesiatich (60) kalendárnych  dní odo dňa jej doručenia objednávateľovi (§340b ods. 5 zákona č. 513/1991 Z. z. Obchodný zákonník). </t>
  </si>
  <si>
    <t>Faktúry musia mať náležitosti daňového dokladu v zmysle zákona č. 222/2004 Z. z. o dani z pridanej hodnoty a musia obsahovať číslo tejto zmluvy. Povinnou prílohou faktúry je Pracovný výkaz za služby vykonané v príslušnom fakturačnom období. V prípade, že faktúra nebude obsahovať uvedené náležitosti alebo povinné prílohy, objednávateľ je oprávnený vrátiť ju dodávateľovi na opravu alebo doplnenie. V takom prípade nová lehota splatnosti faktúry začne plynúť až doručením opravenej, resp. doplnenej faktúry objednávateľovi.</t>
  </si>
  <si>
    <t xml:space="preserve">Požaduje sa, aby dodávateľ zaslal faktúru elektronicky na e-mailovú adresu podatelna@vusch.sk. Za deň splnenia peňažného záväzku sa považuje deň odpísania dlžnej sumy z účtu objednávateľa v prospech účtu dodávateľa. </t>
  </si>
  <si>
    <t xml:space="preserve">V prípade, ak objednávateľ na základe prieskumu trhu zistí, že: </t>
  </si>
  <si>
    <t>22.</t>
  </si>
  <si>
    <t>22.1</t>
  </si>
  <si>
    <t>22.2</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 xml:space="preserve">nedisponuje inou ponukou ako je ponuka dodávateľa a zároveň cena náhradného dielu nie je vyššia ako 10% oproti cene uvedenej v Prílohe č. 1 - Kalkulácia ceny, objednávateľ je oprávnený pristúpiť k vystaveniu objednávky. </t>
  </si>
  <si>
    <t xml:space="preserve">Požaduje sa, aby dodávateľ mal počas trvania tejto zmluvy uzatvorenú zmluvu o poistení zodpovednosti za škodu spôsobenú v súvislosti s poskytovaním služieb servisnej starostlivosti podľa tejto zmluvy s poistným krytím minimálne vo výške zmluvnej ceny za služby servisnej starostlivosti. </t>
  </si>
  <si>
    <t>23.</t>
  </si>
  <si>
    <t xml:space="preserve">Požaduje sa, aby výsledná cena predmetu zákazky ponúknutá dodávateľom bola v súlade s aktuálne (t. j. v čase lehoty na predkladanie ponúk) obvyklou trhovou cenou predmetu zákazky. </t>
  </si>
  <si>
    <t>24.</t>
  </si>
  <si>
    <t xml:space="preserve">Požaduje sa možnosť uplatnenia si náhrady škody u dodávateľa vo výške vzniknutého finančného rozdielu výslednej ceny predmetu zákazky a obvyklej trhovej ceny predmetu zákazky v prípade nedodržania požiadavky uvedenej v bode 24. tejto časti. </t>
  </si>
  <si>
    <t>25.</t>
  </si>
  <si>
    <t xml:space="preserve">Zmluvné strany sa dohodli, že sú zbavené zodpovednosti za čiastočné alebo úplné neplnenie zmluvných povinností podľa tohto zmluvného vzťahu v prípade, že toto neplnenie je v dôsledku vyššej moci. Pre účely tohto zmluvného vzťahu sa za vyššiu moc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vyššiu moc, je povinná to oznámiť druhej zmluvnej strane najneskôr do 5 (piatich) kalendárnych dní od vzniku tejto skutočnosti a môže požiadať o prípadnú úpravu podmienok zmluvy. Na požiadanie zmluvnej strany, ktorej boli avizované okolnosti vyššej moci, je povinný oznamovateľ predložiť hodnoverný dôkaz. ak nedôjde k dohode, má zmluvná strana, ktorá sa odvolala na vyššiu moc, právo odstúpiť od tejto zmluvy. Účinky odstúpenia nastanú dňom doručenia oznámenia druhej zmluvnej strane. </t>
  </si>
  <si>
    <t>26.</t>
  </si>
  <si>
    <t xml:space="preserve">V prípade, ak sa po uzatvorení zmluvy preukáže, že na relevantnom trhu existuje nižšia cena za rovnaké alebo porovnateľné plnenie ako je obsiahnuté v uzavretej zmluve a dodávateľ už preukázateľne v minulosti za takúto nižšiu cenu plnenie poskytol, resp. ešte stále poskytuje, pričom rozdiel medzi nižšou cenou a cenou podľa uzatvorenej zmluvy je viac ako 5% v neprospech ceny podľa zmluvy, zaväzuje sa dodávateľ poskytnúť objednávateľovi pre takéto plnenie objednané po preukázaní tejto skutočnosti dodatočnú zľavu vo výške rozdielu medzi ním poskytovanou cenou podľa tejto zmluvy a nižšou cenou. </t>
  </si>
  <si>
    <t>27.</t>
  </si>
  <si>
    <t>Dodávateľ je povinný bezodkladne, najneskôr však do piatich (5) pracovných dní od zistenia nižšej ceny podľa bodu 27., doručiť objednávateľovi dodatok, predmetom ktorého bude upravená ceny zistená postupom podľa bodu 27. V prípade, ak v uvedenej lehote nebude dodatok objednávateľovi doručený, vyhradzuje si objednávateľ právo zmluvu vypovedať s výpovednou lehotou jeden (1) mesiac. Výpovedná doba začína plynúť od prvého dňa kalendárneho mesiaca nasledujúceho po doručení výpovede a skončí sa uplynutím posledného dňa príslušného kalendárneho mesiaca.</t>
  </si>
  <si>
    <t>27.1</t>
  </si>
  <si>
    <t xml:space="preserve">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 </t>
  </si>
  <si>
    <t>28.</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 </t>
  </si>
  <si>
    <t>29.</t>
  </si>
  <si>
    <t>Poskyto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tejto zmluvy. Zároveň je povinný o tejto povinnosti preukázateľne poučiť aj svojich zamestnancov.</t>
  </si>
  <si>
    <t>30.</t>
  </si>
  <si>
    <t>30.1</t>
  </si>
  <si>
    <t>Povinnosť zachovávať mlčanlivosť platí aj po skončení trvania zmluvy. V opačnom prípade objednávateľovi zodpovedá za škodu, ktorá objednávateľovi vznikla porušením tejto povinnosti.</t>
  </si>
  <si>
    <t>Požaduje sa, aby sa dodávateľ po uzatvorení zmluvy oboznámil s Etickým kódexom obchodných partnerov objednávateľa zverejnenom na webovom sídle objednávateľa.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Vám bude písomná výpoveď doručená a skončí sa posledným kalendárnym dňom príslušného mesiaca.</t>
  </si>
  <si>
    <t>31.</t>
  </si>
  <si>
    <t>Osvedčenie od firmy B. Braun na servis zariadení, resp. iné doklady, ktoré nahrádzajú požadovaný doklad</t>
  </si>
  <si>
    <r>
      <t xml:space="preserve">Osvedčenie </t>
    </r>
    <r>
      <rPr>
        <sz val="10"/>
        <color theme="1"/>
        <rFont val="Arial"/>
        <family val="2"/>
        <charset val="238"/>
      </rPr>
      <t>od firmy B. Braun na servis zariadení, resp. iné doklady, ktoré nahrádzajú požadovaný doklad</t>
    </r>
  </si>
  <si>
    <t xml:space="preserve">OSOBITNÉ ZMLUVNÉ POŽIADAVKY NA PREDMET ZÁKAZKY                                                                                                                                                  nesplnenie ktorejkoľvek osobitnej zmluvnej požiadavky na predmet zákazky bude objednávateľ považovať za podstatné porušenie zmluvných povinností dodávateľa. </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222222"/>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3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right style="medium">
        <color indexed="64"/>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right style="thin">
        <color auto="1"/>
      </right>
      <top/>
      <bottom style="medium">
        <color auto="1"/>
      </bottom>
      <diagonal/>
    </border>
    <border>
      <left style="medium">
        <color indexed="64"/>
      </left>
      <right/>
      <top style="medium">
        <color indexed="64"/>
      </top>
      <bottom style="thin">
        <color auto="1"/>
      </bottom>
      <diagonal/>
    </border>
    <border>
      <left/>
      <right/>
      <top style="medium">
        <color indexed="64"/>
      </top>
      <bottom style="thin">
        <color auto="1"/>
      </bottom>
      <diagonal/>
    </border>
    <border>
      <left/>
      <right style="medium">
        <color indexed="64"/>
      </right>
      <top style="thin">
        <color auto="1"/>
      </top>
      <bottom style="thin">
        <color auto="1"/>
      </bottom>
      <diagonal/>
    </border>
    <border>
      <left/>
      <right style="medium">
        <color auto="1"/>
      </right>
      <top style="thin">
        <color indexed="64"/>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33">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2" fillId="0" borderId="10" xfId="0" applyNumberFormat="1" applyFont="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8" xfId="0" applyNumberFormat="1"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11" xfId="0" applyNumberFormat="1" applyFont="1" applyFill="1" applyBorder="1" applyAlignment="1">
      <alignment horizontal="left" vertical="center" wrapText="1"/>
    </xf>
    <xf numFmtId="49" fontId="4" fillId="0" borderId="10" xfId="0" applyNumberFormat="1" applyFont="1" applyFill="1" applyBorder="1" applyAlignment="1">
      <alignment vertical="center" wrapText="1"/>
    </xf>
    <xf numFmtId="49" fontId="4" fillId="0" borderId="20" xfId="0" applyNumberFormat="1" applyFont="1" applyFill="1" applyBorder="1" applyAlignment="1">
      <alignment vertical="center" wrapText="1"/>
    </xf>
    <xf numFmtId="0" fontId="2" fillId="0" borderId="0" xfId="0" applyFont="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0" borderId="11" xfId="0" applyNumberFormat="1" applyFont="1" applyFill="1" applyBorder="1" applyAlignment="1">
      <alignment horizontal="center" vertical="center"/>
    </xf>
    <xf numFmtId="0" fontId="2" fillId="0" borderId="3" xfId="0" applyNumberFormat="1" applyFont="1" applyBorder="1" applyAlignment="1">
      <alignment horizontal="center" vertical="center" wrapText="1"/>
    </xf>
    <xf numFmtId="49" fontId="2" fillId="0" borderId="20" xfId="0" applyNumberFormat="1" applyFont="1" applyBorder="1" applyAlignment="1">
      <alignment vertical="center" wrapText="1"/>
    </xf>
    <xf numFmtId="49" fontId="2" fillId="0" borderId="21" xfId="0" applyNumberFormat="1" applyFont="1" applyBorder="1" applyAlignment="1">
      <alignment vertical="center" wrapText="1"/>
    </xf>
    <xf numFmtId="49" fontId="2" fillId="0" borderId="8" xfId="0" applyNumberFormat="1" applyFont="1" applyFill="1" applyBorder="1" applyAlignment="1">
      <alignment horizontal="right" vertical="center" wrapText="1"/>
    </xf>
    <xf numFmtId="0" fontId="4" fillId="0" borderId="10" xfId="0" applyFont="1" applyFill="1" applyBorder="1" applyAlignment="1">
      <alignment horizontal="left" vertical="center" wrapText="1"/>
    </xf>
    <xf numFmtId="0" fontId="2" fillId="0" borderId="6" xfId="0" applyFont="1" applyFill="1" applyBorder="1" applyAlignment="1">
      <alignment horizontal="justify" vertical="center"/>
    </xf>
    <xf numFmtId="0" fontId="14" fillId="0" borderId="25" xfId="0" applyFont="1" applyFill="1" applyBorder="1" applyAlignment="1">
      <alignment vertical="center" wrapText="1"/>
    </xf>
    <xf numFmtId="3" fontId="13" fillId="0" borderId="10" xfId="0" applyNumberFormat="1" applyFont="1" applyFill="1" applyBorder="1" applyAlignment="1">
      <alignment horizontal="right" vertical="center" wrapText="1"/>
    </xf>
    <xf numFmtId="0" fontId="4" fillId="3" borderId="10" xfId="0" applyFont="1" applyFill="1" applyBorder="1" applyAlignment="1">
      <alignment horizontal="center" vertical="top" wrapText="1"/>
    </xf>
    <xf numFmtId="49" fontId="2" fillId="0" borderId="11" xfId="0" applyNumberFormat="1" applyFont="1" applyFill="1" applyBorder="1" applyAlignment="1">
      <alignment horizontal="center" vertical="center" wrapText="1"/>
    </xf>
    <xf numFmtId="0" fontId="3" fillId="0" borderId="20"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34" xfId="0" applyFont="1" applyFill="1" applyBorder="1" applyAlignment="1">
      <alignment horizontal="center" vertical="center" wrapText="1"/>
    </xf>
    <xf numFmtId="0" fontId="3" fillId="4" borderId="0" xfId="0" applyFont="1" applyFill="1" applyAlignment="1">
      <alignment horizontal="center" vertical="center" wrapText="1"/>
    </xf>
    <xf numFmtId="0" fontId="4" fillId="0" borderId="0" xfId="0" applyFont="1" applyAlignment="1">
      <alignment horizontal="left" vertical="top"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3" fillId="2" borderId="27" xfId="0" applyFont="1" applyFill="1" applyBorder="1" applyAlignment="1">
      <alignment horizontal="center" vertical="top" wrapText="1"/>
    </xf>
    <xf numFmtId="0" fontId="3" fillId="2" borderId="28" xfId="0" applyFont="1" applyFill="1" applyBorder="1" applyAlignment="1">
      <alignment horizontal="center" vertical="top" wrapText="1"/>
    </xf>
    <xf numFmtId="0" fontId="3" fillId="2" borderId="29"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2" borderId="1" xfId="0" applyNumberFormat="1" applyFont="1" applyFill="1" applyBorder="1" applyAlignment="1">
      <alignment horizontal="left" vertical="top" wrapText="1"/>
    </xf>
    <xf numFmtId="49" fontId="3" fillId="2" borderId="30"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1" xfId="0" applyNumberFormat="1" applyFont="1" applyFill="1" applyBorder="1" applyAlignment="1">
      <alignment horizontal="lef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2" fillId="0" borderId="7" xfId="0" applyFont="1" applyBorder="1" applyAlignment="1">
      <alignment horizontal="center"/>
    </xf>
    <xf numFmtId="0" fontId="3" fillId="0" borderId="0" xfId="0" applyFont="1" applyAlignment="1">
      <alignment horizontal="center" vertical="center"/>
    </xf>
    <xf numFmtId="49" fontId="3" fillId="5" borderId="32" xfId="0" applyNumberFormat="1" applyFont="1" applyFill="1" applyBorder="1" applyAlignment="1">
      <alignment horizontal="left" vertical="center"/>
    </xf>
    <xf numFmtId="49" fontId="3" fillId="5" borderId="33" xfId="0" applyNumberFormat="1" applyFont="1" applyFill="1" applyBorder="1" applyAlignment="1">
      <alignment horizontal="left" vertical="center"/>
    </xf>
    <xf numFmtId="49" fontId="3" fillId="5" borderId="26" xfId="0" applyNumberFormat="1" applyFont="1" applyFill="1" applyBorder="1" applyAlignment="1">
      <alignment horizontal="left" vertical="center"/>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2" fillId="0" borderId="0" xfId="0" applyFont="1" applyAlignment="1">
      <alignment horizontal="left" wrapText="1"/>
    </xf>
    <xf numFmtId="0" fontId="2" fillId="0" borderId="0" xfId="0" applyFont="1" applyFill="1" applyAlignment="1">
      <alignment horizontal="center" vertical="top" wrapText="1"/>
    </xf>
    <xf numFmtId="49" fontId="4"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2" fillId="0" borderId="0" xfId="0" applyFont="1" applyAlignment="1">
      <alignment horizontal="center"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2" fillId="0" borderId="25" xfId="0" applyFont="1" applyFill="1" applyBorder="1" applyAlignment="1">
      <alignment horizontal="left" vertical="center" wrapText="1"/>
    </xf>
    <xf numFmtId="0" fontId="2" fillId="0" borderId="35"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4" fillId="5" borderId="32" xfId="0" applyFont="1" applyFill="1" applyBorder="1" applyAlignment="1">
      <alignment horizontal="center" vertical="center" wrapText="1"/>
    </xf>
    <xf numFmtId="0" fontId="4" fillId="5" borderId="33" xfId="0" applyFont="1" applyFill="1" applyBorder="1" applyAlignment="1">
      <alignment horizontal="center" vertical="center" wrapText="1"/>
    </xf>
    <xf numFmtId="0" fontId="4" fillId="5" borderId="26" xfId="0"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I136"/>
  <sheetViews>
    <sheetView showGridLines="0" tabSelected="1" topLeftCell="A4" zoomScaleNormal="100" workbookViewId="0">
      <selection activeCell="J28" sqref="J28"/>
    </sheetView>
  </sheetViews>
  <sheetFormatPr defaultRowHeight="12.75" x14ac:dyDescent="0.2"/>
  <cols>
    <col min="1" max="1" width="1.85546875" style="1" customWidth="1"/>
    <col min="2" max="2" width="13.5703125" style="1" customWidth="1"/>
    <col min="3" max="3" width="72.710937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05" t="s">
        <v>48</v>
      </c>
      <c r="C1" s="105"/>
      <c r="D1" s="105"/>
      <c r="E1" s="105"/>
      <c r="F1" s="105"/>
    </row>
    <row r="2" spans="2:6" ht="27.75" customHeight="1" x14ac:dyDescent="0.2">
      <c r="B2" s="121" t="s">
        <v>45</v>
      </c>
      <c r="C2" s="121"/>
      <c r="D2" s="121"/>
      <c r="E2" s="121"/>
      <c r="F2" s="121"/>
    </row>
    <row r="3" spans="2:6" ht="54.75" customHeight="1" x14ac:dyDescent="0.2">
      <c r="B3" s="112" t="s">
        <v>52</v>
      </c>
      <c r="C3" s="112"/>
      <c r="D3" s="112"/>
      <c r="E3" s="112"/>
      <c r="F3" s="112"/>
    </row>
    <row r="4" spans="2:6" ht="24.95" customHeight="1" x14ac:dyDescent="0.2">
      <c r="B4" s="40" t="s">
        <v>51</v>
      </c>
      <c r="C4" s="41"/>
      <c r="D4" s="37"/>
      <c r="E4" s="37"/>
      <c r="F4" s="37"/>
    </row>
    <row r="5" spans="2:6" ht="24.95" customHeight="1" x14ac:dyDescent="0.2">
      <c r="B5" s="40" t="s">
        <v>49</v>
      </c>
      <c r="C5" s="42"/>
      <c r="D5" s="37"/>
      <c r="E5" s="37"/>
      <c r="F5" s="37"/>
    </row>
    <row r="6" spans="2:6" ht="5.0999999999999996" customHeight="1" x14ac:dyDescent="0.2">
      <c r="B6" s="37"/>
      <c r="C6" s="37"/>
      <c r="D6" s="37"/>
      <c r="E6" s="37"/>
      <c r="F6" s="37"/>
    </row>
    <row r="7" spans="2:6" s="2" customFormat="1" ht="20.100000000000001" customHeight="1" x14ac:dyDescent="0.25">
      <c r="B7" s="73" t="s">
        <v>5</v>
      </c>
      <c r="C7" s="73"/>
      <c r="D7" s="73"/>
      <c r="E7" s="73"/>
      <c r="F7" s="73"/>
    </row>
    <row r="8" spans="2:6" s="2" customFormat="1" ht="20.100000000000001" customHeight="1" x14ac:dyDescent="0.25">
      <c r="B8" s="117" t="s">
        <v>9</v>
      </c>
      <c r="C8" s="117"/>
      <c r="D8" s="117"/>
      <c r="E8" s="117"/>
      <c r="F8" s="117"/>
    </row>
    <row r="9" spans="2:6" ht="24.95" customHeight="1" x14ac:dyDescent="0.2">
      <c r="B9" s="113" t="s">
        <v>80</v>
      </c>
      <c r="C9" s="113"/>
      <c r="D9" s="113"/>
      <c r="E9" s="114"/>
      <c r="F9" s="114"/>
    </row>
    <row r="10" spans="2:6" ht="4.5" customHeight="1" x14ac:dyDescent="0.2">
      <c r="B10" s="39"/>
      <c r="C10" s="39"/>
      <c r="D10" s="39"/>
      <c r="E10" s="39"/>
      <c r="F10" s="39"/>
    </row>
    <row r="11" spans="2:6" s="2" customFormat="1" ht="20.100000000000001" customHeight="1" x14ac:dyDescent="0.25">
      <c r="B11" s="118" t="s">
        <v>10</v>
      </c>
      <c r="C11" s="118"/>
      <c r="D11" s="118"/>
      <c r="E11" s="118"/>
      <c r="F11" s="118"/>
    </row>
    <row r="12" spans="2:6" s="2" customFormat="1" ht="20.100000000000001" customHeight="1" x14ac:dyDescent="0.25">
      <c r="B12" s="114" t="s">
        <v>93</v>
      </c>
      <c r="C12" s="114"/>
      <c r="D12" s="114"/>
      <c r="E12" s="43"/>
      <c r="F12" s="43"/>
    </row>
    <row r="13" spans="2:6" s="3" customFormat="1" ht="20.100000000000001" customHeight="1" x14ac:dyDescent="0.25">
      <c r="B13" s="114" t="s">
        <v>26</v>
      </c>
      <c r="C13" s="114"/>
      <c r="D13" s="114"/>
      <c r="E13" s="18"/>
      <c r="F13" s="19"/>
    </row>
    <row r="14" spans="2:6" ht="4.5" customHeight="1" x14ac:dyDescent="0.2">
      <c r="B14" s="44"/>
      <c r="C14" s="44"/>
      <c r="D14" s="44"/>
      <c r="E14" s="39"/>
      <c r="F14" s="39"/>
    </row>
    <row r="15" spans="2:6" ht="20.100000000000001" customHeight="1" x14ac:dyDescent="0.2">
      <c r="B15" s="38" t="s">
        <v>11</v>
      </c>
      <c r="C15" s="20"/>
      <c r="D15" s="20"/>
      <c r="E15" s="21"/>
      <c r="F15" s="21"/>
    </row>
    <row r="16" spans="2:6" s="3" customFormat="1" ht="24.95" customHeight="1" x14ac:dyDescent="0.25">
      <c r="B16" s="74" t="s">
        <v>65</v>
      </c>
      <c r="C16" s="74"/>
      <c r="D16" s="74"/>
      <c r="E16" s="18"/>
      <c r="F16" s="19"/>
    </row>
    <row r="17" spans="2:9" ht="5.0999999999999996" customHeight="1" x14ac:dyDescent="0.2">
      <c r="B17" s="111"/>
      <c r="C17" s="111"/>
      <c r="D17" s="111"/>
      <c r="F17" s="15"/>
    </row>
    <row r="18" spans="2:9" s="2" customFormat="1" ht="20.100000000000001" customHeight="1" x14ac:dyDescent="0.25">
      <c r="B18" s="73" t="s">
        <v>23</v>
      </c>
      <c r="C18" s="73"/>
      <c r="D18" s="73"/>
      <c r="E18" s="73"/>
      <c r="F18" s="73"/>
    </row>
    <row r="19" spans="2:9" ht="33.75" customHeight="1" x14ac:dyDescent="0.2">
      <c r="B19" s="113" t="s">
        <v>80</v>
      </c>
      <c r="C19" s="113"/>
      <c r="D19" s="113"/>
      <c r="E19" s="113"/>
      <c r="F19" s="113"/>
    </row>
    <row r="20" spans="2:9" ht="5.0999999999999996" customHeight="1" x14ac:dyDescent="0.2">
      <c r="B20" s="111"/>
      <c r="C20" s="111"/>
      <c r="D20" s="111"/>
      <c r="F20" s="15"/>
    </row>
    <row r="21" spans="2:9" s="2" customFormat="1" ht="20.100000000000001" customHeight="1" x14ac:dyDescent="0.25">
      <c r="B21" s="73" t="s">
        <v>24</v>
      </c>
      <c r="C21" s="73"/>
      <c r="D21" s="73"/>
      <c r="E21" s="73"/>
      <c r="F21" s="73"/>
    </row>
    <row r="22" spans="2:9" s="9" customFormat="1" ht="20.100000000000001" customHeight="1" x14ac:dyDescent="0.25">
      <c r="B22" s="75" t="s">
        <v>6</v>
      </c>
      <c r="C22" s="75"/>
      <c r="D22" s="75"/>
      <c r="E22" s="75"/>
      <c r="F22" s="75"/>
    </row>
    <row r="23" spans="2:9" s="9" customFormat="1" ht="20.100000000000001" customHeight="1" x14ac:dyDescent="0.25">
      <c r="B23" s="78" t="s">
        <v>17</v>
      </c>
      <c r="C23" s="79"/>
      <c r="D23" s="14"/>
      <c r="E23" s="14"/>
      <c r="F23" s="14"/>
    </row>
    <row r="24" spans="2:9" s="9" customFormat="1" ht="20.100000000000001" customHeight="1" x14ac:dyDescent="0.25">
      <c r="B24" s="13"/>
      <c r="C24" s="13" t="s">
        <v>21</v>
      </c>
      <c r="D24" s="14"/>
      <c r="E24" s="14"/>
      <c r="F24" s="14"/>
    </row>
    <row r="25" spans="2:9" s="9" customFormat="1" ht="20.100000000000001" customHeight="1" x14ac:dyDescent="0.25">
      <c r="B25" s="13"/>
      <c r="C25" s="13" t="s">
        <v>22</v>
      </c>
      <c r="D25" s="14"/>
      <c r="E25" s="14"/>
      <c r="F25" s="14"/>
    </row>
    <row r="26" spans="2:9" s="9" customFormat="1" ht="20.100000000000001" customHeight="1" x14ac:dyDescent="0.25">
      <c r="B26" s="78" t="s">
        <v>18</v>
      </c>
      <c r="C26" s="79"/>
      <c r="D26" s="14"/>
      <c r="E26" s="14"/>
      <c r="F26" s="14"/>
    </row>
    <row r="27" spans="2:9" s="9" customFormat="1" ht="39" customHeight="1" x14ac:dyDescent="0.25">
      <c r="B27" s="16" t="s">
        <v>19</v>
      </c>
      <c r="C27" s="76" t="s">
        <v>13</v>
      </c>
      <c r="D27" s="77"/>
      <c r="E27" s="17" t="s">
        <v>12</v>
      </c>
      <c r="F27" s="68" t="s">
        <v>86</v>
      </c>
    </row>
    <row r="28" spans="2:9" s="9" customFormat="1" ht="24.95" customHeight="1" x14ac:dyDescent="0.25">
      <c r="B28" s="45" t="s">
        <v>2</v>
      </c>
      <c r="C28" s="115" t="s">
        <v>81</v>
      </c>
      <c r="D28" s="116"/>
      <c r="E28" s="51" t="s">
        <v>1</v>
      </c>
      <c r="F28" s="67">
        <v>600</v>
      </c>
      <c r="I28" s="50"/>
    </row>
    <row r="29" spans="2:9" s="9" customFormat="1" ht="24.95" customHeight="1" x14ac:dyDescent="0.25">
      <c r="B29" s="45" t="s">
        <v>77</v>
      </c>
      <c r="C29" s="115" t="s">
        <v>82</v>
      </c>
      <c r="D29" s="116"/>
      <c r="E29" s="51" t="s">
        <v>1</v>
      </c>
      <c r="F29" s="67">
        <v>80</v>
      </c>
      <c r="I29" s="50"/>
    </row>
    <row r="30" spans="2:9" s="9" customFormat="1" ht="24.95" customHeight="1" x14ac:dyDescent="0.25">
      <c r="B30" s="45" t="s">
        <v>78</v>
      </c>
      <c r="C30" s="57" t="s">
        <v>83</v>
      </c>
      <c r="D30" s="58"/>
      <c r="E30" s="51" t="s">
        <v>1</v>
      </c>
      <c r="F30" s="67">
        <v>20</v>
      </c>
      <c r="I30" s="50"/>
    </row>
    <row r="31" spans="2:9" s="9" customFormat="1" ht="24.95" customHeight="1" x14ac:dyDescent="0.25">
      <c r="B31" s="45" t="s">
        <v>79</v>
      </c>
      <c r="C31" s="115" t="s">
        <v>84</v>
      </c>
      <c r="D31" s="116"/>
      <c r="E31" s="51" t="s">
        <v>85</v>
      </c>
      <c r="F31" s="67">
        <v>1</v>
      </c>
      <c r="I31" s="50"/>
    </row>
    <row r="32" spans="2:9" s="9" customFormat="1" ht="4.5" customHeight="1" x14ac:dyDescent="0.25">
      <c r="B32" s="14"/>
      <c r="C32" s="14"/>
      <c r="D32" s="14"/>
      <c r="E32" s="14"/>
      <c r="F32" s="14"/>
    </row>
    <row r="33" spans="2:7" s="9" customFormat="1" ht="20.100000000000001" customHeight="1" x14ac:dyDescent="0.25">
      <c r="B33" s="78" t="s">
        <v>20</v>
      </c>
      <c r="C33" s="79"/>
      <c r="D33" s="14"/>
      <c r="E33" s="14"/>
      <c r="F33" s="14"/>
    </row>
    <row r="34" spans="2:7" s="9" customFormat="1" ht="20.100000000000001" customHeight="1" x14ac:dyDescent="0.2">
      <c r="B34" s="10"/>
      <c r="C34" s="9" t="s">
        <v>3</v>
      </c>
      <c r="D34" s="14"/>
      <c r="E34" s="14"/>
      <c r="F34" s="14"/>
    </row>
    <row r="35" spans="2:7" s="9" customFormat="1" ht="20.100000000000001" customHeight="1" x14ac:dyDescent="0.25">
      <c r="B35" s="13"/>
      <c r="C35" s="2" t="s">
        <v>4</v>
      </c>
      <c r="D35" s="14"/>
      <c r="E35" s="14"/>
      <c r="F35" s="14"/>
    </row>
    <row r="36" spans="2:7" ht="5.0999999999999996" customHeight="1" x14ac:dyDescent="0.2"/>
    <row r="37" spans="2:7" s="2" customFormat="1" ht="20.100000000000001" customHeight="1" x14ac:dyDescent="0.25">
      <c r="B37" s="73" t="s">
        <v>25</v>
      </c>
      <c r="C37" s="73"/>
      <c r="D37" s="73"/>
      <c r="E37" s="73"/>
      <c r="F37" s="73"/>
    </row>
    <row r="38" spans="2:7" s="2" customFormat="1" ht="5.0999999999999996" customHeight="1" thickBot="1" x14ac:dyDescent="0.3">
      <c r="B38" s="15"/>
      <c r="D38" s="6"/>
      <c r="E38" s="6"/>
      <c r="F38" s="6"/>
    </row>
    <row r="39" spans="2:7" s="3" customFormat="1" ht="93" customHeight="1" x14ac:dyDescent="0.25">
      <c r="B39" s="93" t="s">
        <v>0</v>
      </c>
      <c r="C39" s="119"/>
      <c r="D39" s="90" t="s">
        <v>27</v>
      </c>
      <c r="E39" s="91"/>
      <c r="F39" s="92"/>
      <c r="G39" s="22"/>
    </row>
    <row r="40" spans="2:7" s="3" customFormat="1" ht="30" customHeight="1" thickBot="1" x14ac:dyDescent="0.3">
      <c r="B40" s="95"/>
      <c r="C40" s="120"/>
      <c r="D40" s="23" t="s">
        <v>28</v>
      </c>
      <c r="E40" s="83" t="s">
        <v>29</v>
      </c>
      <c r="F40" s="84"/>
    </row>
    <row r="41" spans="2:7" s="24" customFormat="1" ht="30.75" customHeight="1" x14ac:dyDescent="0.25">
      <c r="B41" s="85" t="s">
        <v>87</v>
      </c>
      <c r="C41" s="86"/>
      <c r="D41" s="86"/>
      <c r="E41" s="86"/>
      <c r="F41" s="87"/>
    </row>
    <row r="42" spans="2:7" s="4" customFormat="1" ht="27" customHeight="1" x14ac:dyDescent="0.25">
      <c r="B42" s="48" t="s">
        <v>15</v>
      </c>
      <c r="C42" s="54" t="s">
        <v>91</v>
      </c>
      <c r="D42" s="46"/>
      <c r="E42" s="109"/>
      <c r="F42" s="110"/>
    </row>
    <row r="43" spans="2:7" s="4" customFormat="1" ht="27" customHeight="1" thickBot="1" x14ac:dyDescent="0.3">
      <c r="B43" s="48" t="s">
        <v>56</v>
      </c>
      <c r="C43" s="54" t="s">
        <v>92</v>
      </c>
      <c r="D43" s="46"/>
      <c r="E43" s="122"/>
      <c r="F43" s="123"/>
    </row>
    <row r="44" spans="2:7" s="24" customFormat="1" ht="30.75" customHeight="1" x14ac:dyDescent="0.25">
      <c r="B44" s="85" t="s">
        <v>88</v>
      </c>
      <c r="C44" s="86"/>
      <c r="D44" s="86"/>
      <c r="E44" s="86"/>
      <c r="F44" s="87"/>
    </row>
    <row r="45" spans="2:7" s="4" customFormat="1" ht="27" customHeight="1" x14ac:dyDescent="0.25">
      <c r="B45" s="48" t="s">
        <v>15</v>
      </c>
      <c r="C45" s="54" t="s">
        <v>91</v>
      </c>
      <c r="D45" s="46"/>
      <c r="E45" s="109"/>
      <c r="F45" s="110"/>
    </row>
    <row r="46" spans="2:7" s="4" customFormat="1" ht="27" customHeight="1" thickBot="1" x14ac:dyDescent="0.3">
      <c r="B46" s="48" t="s">
        <v>56</v>
      </c>
      <c r="C46" s="54" t="s">
        <v>92</v>
      </c>
      <c r="D46" s="46"/>
      <c r="E46" s="109"/>
      <c r="F46" s="110"/>
    </row>
    <row r="47" spans="2:7" s="24" customFormat="1" ht="30.75" customHeight="1" x14ac:dyDescent="0.25">
      <c r="B47" s="85" t="s">
        <v>89</v>
      </c>
      <c r="C47" s="86"/>
      <c r="D47" s="86"/>
      <c r="E47" s="86"/>
      <c r="F47" s="87"/>
    </row>
    <row r="48" spans="2:7" s="4" customFormat="1" ht="27" customHeight="1" x14ac:dyDescent="0.25">
      <c r="B48" s="48" t="s">
        <v>15</v>
      </c>
      <c r="C48" s="54" t="s">
        <v>91</v>
      </c>
      <c r="D48" s="46"/>
      <c r="E48" s="109"/>
      <c r="F48" s="110"/>
    </row>
    <row r="49" spans="2:6" s="4" customFormat="1" ht="27" customHeight="1" thickBot="1" x14ac:dyDescent="0.3">
      <c r="B49" s="48" t="s">
        <v>56</v>
      </c>
      <c r="C49" s="54" t="s">
        <v>92</v>
      </c>
      <c r="D49" s="46"/>
      <c r="E49" s="109"/>
      <c r="F49" s="110"/>
    </row>
    <row r="50" spans="2:6" s="4" customFormat="1" ht="30.75" customHeight="1" x14ac:dyDescent="0.25">
      <c r="B50" s="106" t="s">
        <v>90</v>
      </c>
      <c r="C50" s="107"/>
      <c r="D50" s="107"/>
      <c r="E50" s="107"/>
      <c r="F50" s="108"/>
    </row>
    <row r="51" spans="2:6" s="4" customFormat="1" ht="27" customHeight="1" thickBot="1" x14ac:dyDescent="0.3">
      <c r="B51" s="59" t="s">
        <v>75</v>
      </c>
      <c r="C51" s="55" t="s">
        <v>92</v>
      </c>
      <c r="D51" s="60"/>
      <c r="E51" s="61"/>
      <c r="F51" s="62"/>
    </row>
    <row r="52" spans="2:6" s="3" customFormat="1" ht="5.0999999999999996" customHeight="1" x14ac:dyDescent="0.25">
      <c r="B52" s="5"/>
      <c r="C52" s="5"/>
      <c r="D52" s="7"/>
      <c r="E52" s="7"/>
      <c r="F52" s="25"/>
    </row>
    <row r="53" spans="2:6" s="2" customFormat="1" ht="20.100000000000001" customHeight="1" x14ac:dyDescent="0.25">
      <c r="B53" s="73" t="s">
        <v>46</v>
      </c>
      <c r="C53" s="73"/>
      <c r="D53" s="73"/>
      <c r="E53" s="73"/>
      <c r="F53" s="73"/>
    </row>
    <row r="54" spans="2:6" s="2" customFormat="1" ht="5.0999999999999996" customHeight="1" thickBot="1" x14ac:dyDescent="0.3">
      <c r="B54" s="15"/>
      <c r="D54" s="56"/>
      <c r="E54" s="56"/>
      <c r="F54" s="56"/>
    </row>
    <row r="55" spans="2:6" s="3" customFormat="1" ht="69" customHeight="1" x14ac:dyDescent="0.25">
      <c r="B55" s="93" t="s">
        <v>8</v>
      </c>
      <c r="C55" s="94"/>
      <c r="D55" s="80" t="s">
        <v>30</v>
      </c>
      <c r="E55" s="81"/>
      <c r="F55" s="82"/>
    </row>
    <row r="56" spans="2:6" s="3" customFormat="1" ht="30" customHeight="1" thickBot="1" x14ac:dyDescent="0.3">
      <c r="B56" s="95"/>
      <c r="C56" s="96"/>
      <c r="D56" s="23" t="s">
        <v>7</v>
      </c>
      <c r="E56" s="83" t="s">
        <v>31</v>
      </c>
      <c r="F56" s="84"/>
    </row>
    <row r="57" spans="2:6" s="2" customFormat="1" ht="39" customHeight="1" x14ac:dyDescent="0.25">
      <c r="B57" s="130" t="s">
        <v>155</v>
      </c>
      <c r="C57" s="131"/>
      <c r="D57" s="131"/>
      <c r="E57" s="131"/>
      <c r="F57" s="132"/>
    </row>
    <row r="58" spans="2:6" s="2" customFormat="1" ht="27" customHeight="1" x14ac:dyDescent="0.25">
      <c r="B58" s="49" t="s">
        <v>15</v>
      </c>
      <c r="C58" s="64" t="s">
        <v>94</v>
      </c>
      <c r="D58" s="46"/>
      <c r="E58" s="88"/>
      <c r="F58" s="89"/>
    </row>
    <row r="59" spans="2:6" s="2" customFormat="1" ht="27.75" customHeight="1" x14ac:dyDescent="0.25">
      <c r="B59" s="49" t="s">
        <v>56</v>
      </c>
      <c r="C59" s="64" t="s">
        <v>95</v>
      </c>
      <c r="D59" s="46"/>
      <c r="E59" s="88"/>
      <c r="F59" s="89"/>
    </row>
    <row r="60" spans="2:6" s="2" customFormat="1" ht="21.75" customHeight="1" x14ac:dyDescent="0.25">
      <c r="B60" s="49" t="s">
        <v>57</v>
      </c>
      <c r="C60" s="64" t="s">
        <v>96</v>
      </c>
      <c r="D60" s="46"/>
      <c r="E60" s="88"/>
      <c r="F60" s="89"/>
    </row>
    <row r="61" spans="2:6" s="2" customFormat="1" ht="27.75" customHeight="1" x14ac:dyDescent="0.25">
      <c r="B61" s="49" t="s">
        <v>58</v>
      </c>
      <c r="C61" s="64" t="s">
        <v>97</v>
      </c>
      <c r="D61" s="46"/>
      <c r="E61" s="88"/>
      <c r="F61" s="89"/>
    </row>
    <row r="62" spans="2:6" s="2" customFormat="1" ht="42" customHeight="1" x14ac:dyDescent="0.25">
      <c r="B62" s="49" t="s">
        <v>59</v>
      </c>
      <c r="C62" s="64" t="s">
        <v>98</v>
      </c>
      <c r="D62" s="46"/>
      <c r="E62" s="88"/>
      <c r="F62" s="89"/>
    </row>
    <row r="63" spans="2:6" s="2" customFormat="1" ht="97.5" customHeight="1" x14ac:dyDescent="0.25">
      <c r="B63" s="49" t="s">
        <v>60</v>
      </c>
      <c r="C63" s="64" t="s">
        <v>99</v>
      </c>
      <c r="D63" s="46"/>
      <c r="E63" s="88"/>
      <c r="F63" s="89"/>
    </row>
    <row r="64" spans="2:6" s="2" customFormat="1" ht="39.75" customHeight="1" x14ac:dyDescent="0.25">
      <c r="B64" s="49" t="s">
        <v>66</v>
      </c>
      <c r="C64" s="64" t="s">
        <v>100</v>
      </c>
      <c r="D64" s="46"/>
      <c r="E64" s="88"/>
      <c r="F64" s="89"/>
    </row>
    <row r="65" spans="2:6" s="2" customFormat="1" ht="86.25" customHeight="1" x14ac:dyDescent="0.25">
      <c r="B65" s="49" t="s">
        <v>61</v>
      </c>
      <c r="C65" s="64" t="s">
        <v>101</v>
      </c>
      <c r="D65" s="46"/>
      <c r="E65" s="88"/>
      <c r="F65" s="89"/>
    </row>
    <row r="66" spans="2:6" s="2" customFormat="1" ht="30.75" customHeight="1" x14ac:dyDescent="0.25">
      <c r="B66" s="49" t="s">
        <v>62</v>
      </c>
      <c r="C66" s="64" t="s">
        <v>102</v>
      </c>
      <c r="D66" s="46"/>
      <c r="E66" s="88"/>
      <c r="F66" s="89"/>
    </row>
    <row r="67" spans="2:6" s="2" customFormat="1" ht="38.25" x14ac:dyDescent="0.25">
      <c r="B67" s="49" t="s">
        <v>103</v>
      </c>
      <c r="C67" s="64" t="s">
        <v>104</v>
      </c>
      <c r="D67" s="46"/>
      <c r="E67" s="88"/>
      <c r="F67" s="89"/>
    </row>
    <row r="68" spans="2:6" s="2" customFormat="1" ht="21.75" customHeight="1" x14ac:dyDescent="0.25">
      <c r="B68" s="49" t="s">
        <v>63</v>
      </c>
      <c r="C68" s="65" t="s">
        <v>105</v>
      </c>
      <c r="D68" s="46" t="s">
        <v>76</v>
      </c>
      <c r="E68" s="88"/>
      <c r="F68" s="89"/>
    </row>
    <row r="69" spans="2:6" s="2" customFormat="1" x14ac:dyDescent="0.25">
      <c r="B69" s="63" t="s">
        <v>106</v>
      </c>
      <c r="C69" s="65" t="s">
        <v>110</v>
      </c>
      <c r="D69" s="46"/>
      <c r="E69" s="88"/>
      <c r="F69" s="89"/>
    </row>
    <row r="70" spans="2:6" s="2" customFormat="1" ht="25.5" x14ac:dyDescent="0.25">
      <c r="B70" s="63" t="s">
        <v>107</v>
      </c>
      <c r="C70" s="64" t="s">
        <v>111</v>
      </c>
      <c r="D70" s="46"/>
      <c r="E70" s="88"/>
      <c r="F70" s="89"/>
    </row>
    <row r="71" spans="2:6" s="2" customFormat="1" x14ac:dyDescent="0.25">
      <c r="B71" s="63" t="s">
        <v>108</v>
      </c>
      <c r="C71" s="64" t="s">
        <v>112</v>
      </c>
      <c r="D71" s="46"/>
      <c r="E71" s="88"/>
      <c r="F71" s="89"/>
    </row>
    <row r="72" spans="2:6" s="2" customFormat="1" ht="25.5" x14ac:dyDescent="0.25">
      <c r="B72" s="63" t="s">
        <v>109</v>
      </c>
      <c r="C72" s="64" t="s">
        <v>113</v>
      </c>
      <c r="D72" s="46"/>
      <c r="E72" s="88"/>
      <c r="F72" s="89"/>
    </row>
    <row r="73" spans="2:6" s="2" customFormat="1" ht="38.25" x14ac:dyDescent="0.25">
      <c r="B73" s="49" t="s">
        <v>67</v>
      </c>
      <c r="C73" s="64" t="s">
        <v>114</v>
      </c>
      <c r="D73" s="46"/>
      <c r="E73" s="88"/>
      <c r="F73" s="89"/>
    </row>
    <row r="74" spans="2:6" s="2" customFormat="1" ht="76.5" x14ac:dyDescent="0.25">
      <c r="B74" s="49" t="s">
        <v>68</v>
      </c>
      <c r="C74" s="64" t="s">
        <v>115</v>
      </c>
      <c r="D74" s="46"/>
      <c r="E74" s="88"/>
      <c r="F74" s="89"/>
    </row>
    <row r="75" spans="2:6" s="2" customFormat="1" ht="51" x14ac:dyDescent="0.25">
      <c r="B75" s="49" t="s">
        <v>64</v>
      </c>
      <c r="C75" s="64" t="s">
        <v>116</v>
      </c>
      <c r="D75" s="46"/>
      <c r="E75" s="71"/>
      <c r="F75" s="72"/>
    </row>
    <row r="76" spans="2:6" s="2" customFormat="1" ht="27.75" customHeight="1" x14ac:dyDescent="0.25">
      <c r="B76" s="49" t="s">
        <v>69</v>
      </c>
      <c r="C76" s="64" t="s">
        <v>117</v>
      </c>
      <c r="D76" s="46"/>
      <c r="E76" s="71"/>
      <c r="F76" s="72"/>
    </row>
    <row r="77" spans="2:6" s="2" customFormat="1" ht="51" x14ac:dyDescent="0.25">
      <c r="B77" s="49" t="s">
        <v>70</v>
      </c>
      <c r="C77" s="64" t="s">
        <v>118</v>
      </c>
      <c r="D77" s="46"/>
      <c r="E77" s="71"/>
      <c r="F77" s="72"/>
    </row>
    <row r="78" spans="2:6" s="2" customFormat="1" ht="30.75" customHeight="1" x14ac:dyDescent="0.25">
      <c r="B78" s="49" t="s">
        <v>71</v>
      </c>
      <c r="C78" s="64" t="s">
        <v>119</v>
      </c>
      <c r="D78" s="46"/>
      <c r="E78" s="71"/>
      <c r="F78" s="72"/>
    </row>
    <row r="79" spans="2:6" s="2" customFormat="1" ht="63.75" x14ac:dyDescent="0.25">
      <c r="B79" s="49" t="s">
        <v>121</v>
      </c>
      <c r="C79" s="64" t="s">
        <v>120</v>
      </c>
      <c r="D79" s="46"/>
      <c r="E79" s="71"/>
      <c r="F79" s="72"/>
    </row>
    <row r="80" spans="2:6" s="2" customFormat="1" ht="42.75" customHeight="1" x14ac:dyDescent="0.25">
      <c r="B80" s="49" t="s">
        <v>72</v>
      </c>
      <c r="C80" s="64" t="s">
        <v>122</v>
      </c>
      <c r="D80" s="46"/>
      <c r="E80" s="71"/>
      <c r="F80" s="72"/>
    </row>
    <row r="81" spans="2:6" s="2" customFormat="1" ht="89.25" x14ac:dyDescent="0.25">
      <c r="B81" s="49" t="s">
        <v>73</v>
      </c>
      <c r="C81" s="64" t="s">
        <v>123</v>
      </c>
      <c r="D81" s="46"/>
      <c r="E81" s="71"/>
      <c r="F81" s="72"/>
    </row>
    <row r="82" spans="2:6" s="2" customFormat="1" ht="38.25" x14ac:dyDescent="0.25">
      <c r="B82" s="49" t="s">
        <v>74</v>
      </c>
      <c r="C82" s="64" t="s">
        <v>124</v>
      </c>
      <c r="D82" s="46"/>
      <c r="E82" s="71"/>
      <c r="F82" s="72"/>
    </row>
    <row r="83" spans="2:6" s="2" customFormat="1" ht="21.75" customHeight="1" x14ac:dyDescent="0.25">
      <c r="B83" s="49" t="s">
        <v>126</v>
      </c>
      <c r="C83" s="64" t="s">
        <v>125</v>
      </c>
      <c r="D83" s="46" t="s">
        <v>76</v>
      </c>
      <c r="E83" s="71"/>
      <c r="F83" s="72"/>
    </row>
    <row r="84" spans="2:6" s="2" customFormat="1" ht="53.25" customHeight="1" x14ac:dyDescent="0.25">
      <c r="B84" s="63" t="s">
        <v>127</v>
      </c>
      <c r="C84" s="64" t="s">
        <v>129</v>
      </c>
      <c r="D84" s="46"/>
      <c r="E84" s="88"/>
      <c r="F84" s="89"/>
    </row>
    <row r="85" spans="2:6" s="2" customFormat="1" ht="38.25" x14ac:dyDescent="0.25">
      <c r="B85" s="63" t="s">
        <v>128</v>
      </c>
      <c r="C85" s="64" t="s">
        <v>130</v>
      </c>
      <c r="D85" s="46"/>
      <c r="E85" s="88"/>
      <c r="F85" s="89"/>
    </row>
    <row r="86" spans="2:6" s="2" customFormat="1" ht="51" x14ac:dyDescent="0.25">
      <c r="B86" s="49" t="s">
        <v>132</v>
      </c>
      <c r="C86" s="64" t="s">
        <v>131</v>
      </c>
      <c r="D86" s="46"/>
      <c r="E86" s="71"/>
      <c r="F86" s="72"/>
    </row>
    <row r="87" spans="2:6" s="2" customFormat="1" ht="38.25" x14ac:dyDescent="0.25">
      <c r="B87" s="49" t="s">
        <v>134</v>
      </c>
      <c r="C87" s="64" t="s">
        <v>133</v>
      </c>
      <c r="D87" s="46"/>
      <c r="E87" s="71"/>
      <c r="F87" s="72"/>
    </row>
    <row r="88" spans="2:6" s="2" customFormat="1" ht="47.25" customHeight="1" x14ac:dyDescent="0.25">
      <c r="B88" s="49" t="s">
        <v>136</v>
      </c>
      <c r="C88" s="64" t="s">
        <v>135</v>
      </c>
      <c r="D88" s="46"/>
      <c r="E88" s="71"/>
      <c r="F88" s="72"/>
    </row>
    <row r="89" spans="2:6" s="2" customFormat="1" ht="165.75" x14ac:dyDescent="0.25">
      <c r="B89" s="49" t="s">
        <v>138</v>
      </c>
      <c r="C89" s="64" t="s">
        <v>137</v>
      </c>
      <c r="D89" s="46"/>
      <c r="E89" s="71"/>
      <c r="F89" s="72"/>
    </row>
    <row r="90" spans="2:6" s="2" customFormat="1" ht="102" x14ac:dyDescent="0.25">
      <c r="B90" s="49" t="s">
        <v>140</v>
      </c>
      <c r="C90" s="64" t="s">
        <v>139</v>
      </c>
      <c r="D90" s="46"/>
      <c r="E90" s="71"/>
      <c r="F90" s="72"/>
    </row>
    <row r="91" spans="2:6" s="2" customFormat="1" ht="102" x14ac:dyDescent="0.25">
      <c r="B91" s="63" t="s">
        <v>142</v>
      </c>
      <c r="C91" s="64" t="s">
        <v>141</v>
      </c>
      <c r="D91" s="46"/>
      <c r="E91" s="71"/>
      <c r="F91" s="72"/>
    </row>
    <row r="92" spans="2:6" s="2" customFormat="1" ht="76.5" x14ac:dyDescent="0.25">
      <c r="B92" s="49" t="s">
        <v>144</v>
      </c>
      <c r="C92" s="64" t="s">
        <v>143</v>
      </c>
      <c r="D92" s="46"/>
      <c r="E92" s="71"/>
      <c r="F92" s="72"/>
    </row>
    <row r="93" spans="2:6" s="2" customFormat="1" ht="89.25" x14ac:dyDescent="0.25">
      <c r="B93" s="49" t="s">
        <v>146</v>
      </c>
      <c r="C93" s="64" t="s">
        <v>145</v>
      </c>
      <c r="D93" s="46"/>
      <c r="E93" s="71"/>
      <c r="F93" s="72"/>
    </row>
    <row r="94" spans="2:6" s="2" customFormat="1" ht="89.25" x14ac:dyDescent="0.25">
      <c r="B94" s="49" t="s">
        <v>148</v>
      </c>
      <c r="C94" s="64" t="s">
        <v>147</v>
      </c>
      <c r="D94" s="46"/>
      <c r="E94" s="71"/>
      <c r="F94" s="72"/>
    </row>
    <row r="95" spans="2:6" s="2" customFormat="1" ht="40.5" customHeight="1" x14ac:dyDescent="0.25">
      <c r="B95" s="63" t="s">
        <v>149</v>
      </c>
      <c r="C95" s="64" t="s">
        <v>150</v>
      </c>
      <c r="D95" s="46"/>
      <c r="E95" s="88"/>
      <c r="F95" s="89"/>
    </row>
    <row r="96" spans="2:6" s="2" customFormat="1" ht="102.75" thickBot="1" x14ac:dyDescent="0.3">
      <c r="B96" s="53" t="s">
        <v>152</v>
      </c>
      <c r="C96" s="66" t="s">
        <v>151</v>
      </c>
      <c r="D96" s="52"/>
      <c r="E96" s="128"/>
      <c r="F96" s="129"/>
    </row>
    <row r="97" spans="2:7" s="3" customFormat="1" ht="5.0999999999999996" customHeight="1" x14ac:dyDescent="0.25">
      <c r="B97" s="5"/>
      <c r="C97" s="5"/>
      <c r="D97" s="7"/>
      <c r="E97" s="7"/>
      <c r="F97" s="25"/>
      <c r="G97" s="2"/>
    </row>
    <row r="98" spans="2:7" s="2" customFormat="1" ht="20.100000000000001" customHeight="1" x14ac:dyDescent="0.25">
      <c r="B98" s="73" t="s">
        <v>53</v>
      </c>
      <c r="C98" s="73"/>
      <c r="D98" s="73"/>
      <c r="E98" s="73"/>
      <c r="F98" s="73"/>
    </row>
    <row r="99" spans="2:7" s="2" customFormat="1" ht="4.5" customHeight="1" thickBot="1" x14ac:dyDescent="0.3"/>
    <row r="100" spans="2:7" s="2" customFormat="1" ht="80.25" customHeight="1" x14ac:dyDescent="0.25">
      <c r="B100" s="93" t="s">
        <v>54</v>
      </c>
      <c r="C100" s="119"/>
      <c r="D100" s="90" t="s">
        <v>55</v>
      </c>
      <c r="E100" s="91"/>
      <c r="F100" s="92"/>
    </row>
    <row r="101" spans="2:7" s="3" customFormat="1" ht="29.25" customHeight="1" thickBot="1" x14ac:dyDescent="0.3">
      <c r="B101" s="95"/>
      <c r="C101" s="120"/>
      <c r="D101" s="23" t="s">
        <v>7</v>
      </c>
      <c r="E101" s="126" t="s">
        <v>31</v>
      </c>
      <c r="F101" s="127"/>
      <c r="G101" s="2"/>
    </row>
    <row r="102" spans="2:7" s="3" customFormat="1" ht="30.75" customHeight="1" thickBot="1" x14ac:dyDescent="0.3">
      <c r="B102" s="69" t="s">
        <v>15</v>
      </c>
      <c r="C102" s="70" t="s">
        <v>154</v>
      </c>
      <c r="D102" s="47"/>
      <c r="E102" s="124"/>
      <c r="F102" s="125"/>
      <c r="G102" s="2"/>
    </row>
    <row r="103" spans="2:7" s="2" customFormat="1" ht="5.0999999999999996" customHeight="1" x14ac:dyDescent="0.25">
      <c r="B103" s="5"/>
      <c r="C103" s="5"/>
      <c r="D103" s="7"/>
      <c r="E103" s="7"/>
      <c r="F103" s="25"/>
    </row>
    <row r="104" spans="2:7" s="2" customFormat="1" ht="20.100000000000001" customHeight="1" x14ac:dyDescent="0.25">
      <c r="B104" s="73" t="s">
        <v>14</v>
      </c>
      <c r="C104" s="73"/>
      <c r="D104" s="73"/>
      <c r="E104" s="73"/>
      <c r="F104" s="73"/>
    </row>
    <row r="105" spans="2:7" s="3" customFormat="1" ht="30" customHeight="1" x14ac:dyDescent="0.25">
      <c r="B105" s="5" t="s">
        <v>16</v>
      </c>
      <c r="C105" s="100" t="s">
        <v>47</v>
      </c>
      <c r="D105" s="100"/>
      <c r="E105" s="100"/>
      <c r="F105" s="100"/>
      <c r="G105" s="2"/>
    </row>
    <row r="106" spans="2:7" s="27" customFormat="1" ht="30" customHeight="1" x14ac:dyDescent="0.25">
      <c r="B106" s="5" t="s">
        <v>32</v>
      </c>
      <c r="C106" s="101" t="s">
        <v>153</v>
      </c>
      <c r="D106" s="101"/>
      <c r="E106" s="101"/>
      <c r="F106" s="101"/>
      <c r="G106" s="2"/>
    </row>
    <row r="107" spans="2:7" s="27" customFormat="1" ht="30" customHeight="1" x14ac:dyDescent="0.25">
      <c r="B107" s="102" t="s">
        <v>33</v>
      </c>
      <c r="C107" s="102"/>
      <c r="D107" s="102"/>
      <c r="E107" s="102"/>
      <c r="F107" s="3"/>
      <c r="G107" s="2"/>
    </row>
    <row r="108" spans="2:7" s="2" customFormat="1" ht="24.95" customHeight="1" x14ac:dyDescent="0.25">
      <c r="B108" s="26" t="s">
        <v>34</v>
      </c>
      <c r="C108" s="98"/>
      <c r="D108" s="98"/>
      <c r="F108" s="27"/>
    </row>
    <row r="109" spans="2:7" s="2" customFormat="1" ht="24.95" customHeight="1" x14ac:dyDescent="0.25">
      <c r="B109" s="26" t="s">
        <v>35</v>
      </c>
      <c r="C109" s="98"/>
      <c r="D109" s="98"/>
      <c r="F109" s="27"/>
    </row>
    <row r="110" spans="2:7" s="2" customFormat="1" ht="24.95" customHeight="1" x14ac:dyDescent="0.25">
      <c r="B110" s="26" t="s">
        <v>36</v>
      </c>
      <c r="C110" s="98"/>
      <c r="D110" s="98"/>
      <c r="F110" s="27"/>
    </row>
    <row r="111" spans="2:7" s="3" customFormat="1" ht="24.95" customHeight="1" x14ac:dyDescent="0.25">
      <c r="B111" s="26" t="s">
        <v>37</v>
      </c>
      <c r="C111" s="98"/>
      <c r="D111" s="98"/>
      <c r="E111" s="2"/>
      <c r="F111" s="28"/>
      <c r="G111" s="2"/>
    </row>
    <row r="112" spans="2:7" s="2" customFormat="1" ht="14.25" customHeight="1" x14ac:dyDescent="0.2">
      <c r="B112" s="11"/>
      <c r="C112" s="12"/>
      <c r="D112" s="12"/>
      <c r="F112" s="29"/>
    </row>
    <row r="113" spans="2:6" s="3" customFormat="1" ht="15" customHeight="1" x14ac:dyDescent="0.25">
      <c r="B113" s="103" t="s">
        <v>38</v>
      </c>
      <c r="C113" s="103"/>
      <c r="D113" s="103"/>
      <c r="E113" s="103"/>
      <c r="F113" s="103"/>
    </row>
    <row r="114" spans="2:6" s="2" customFormat="1" ht="36.75" customHeight="1" x14ac:dyDescent="0.25">
      <c r="B114" s="99" t="s">
        <v>50</v>
      </c>
      <c r="C114" s="99"/>
      <c r="D114" s="99"/>
      <c r="E114" s="99"/>
      <c r="F114" s="99"/>
    </row>
    <row r="115" spans="2:6" s="2" customFormat="1" ht="20.100000000000001" customHeight="1" x14ac:dyDescent="0.2">
      <c r="B115" s="1"/>
      <c r="C115" s="1"/>
      <c r="D115" s="8"/>
      <c r="E115" s="8"/>
    </row>
    <row r="116" spans="2:6" s="3" customFormat="1" ht="4.5" customHeight="1" x14ac:dyDescent="0.2">
      <c r="B116" s="1"/>
      <c r="C116" s="1"/>
      <c r="D116" s="8"/>
      <c r="E116" s="8"/>
      <c r="F116" s="2"/>
    </row>
    <row r="117" spans="2:6" s="3" customFormat="1" ht="20.100000000000001" customHeight="1" x14ac:dyDescent="0.25">
      <c r="B117" s="30" t="s">
        <v>39</v>
      </c>
      <c r="C117" s="31"/>
      <c r="D117" s="32" t="s">
        <v>40</v>
      </c>
      <c r="E117" s="104"/>
      <c r="F117" s="104"/>
    </row>
    <row r="118" spans="2:6" s="3" customFormat="1" ht="20.100000000000001" customHeight="1" x14ac:dyDescent="0.25">
      <c r="B118" s="33"/>
      <c r="C118" s="33"/>
      <c r="D118" s="33"/>
      <c r="E118" s="34"/>
      <c r="F118" s="34"/>
    </row>
    <row r="119" spans="2:6" ht="20.100000000000001" customHeight="1" x14ac:dyDescent="0.2">
      <c r="B119" s="30" t="s">
        <v>41</v>
      </c>
      <c r="C119" s="31"/>
      <c r="D119" s="35" t="s">
        <v>42</v>
      </c>
      <c r="E119" s="97"/>
      <c r="F119" s="97"/>
    </row>
    <row r="120" spans="2:6" s="2" customFormat="1" ht="20.100000000000001" customHeight="1" x14ac:dyDescent="0.2">
      <c r="B120" s="1"/>
      <c r="C120" s="1"/>
      <c r="D120" s="35" t="s">
        <v>43</v>
      </c>
      <c r="E120" s="98"/>
      <c r="F120" s="98"/>
    </row>
    <row r="121" spans="2:6" s="2" customFormat="1" ht="20.100000000000001" customHeight="1" x14ac:dyDescent="0.2">
      <c r="B121" s="1"/>
      <c r="C121" s="1"/>
      <c r="D121" s="36" t="s">
        <v>44</v>
      </c>
      <c r="E121" s="1"/>
    </row>
    <row r="122" spans="2:6" s="2" customFormat="1" ht="37.5" customHeight="1" x14ac:dyDescent="0.25"/>
    <row r="123" spans="2:6" s="2" customFormat="1" ht="24" customHeight="1" x14ac:dyDescent="0.25"/>
    <row r="124" spans="2:6" s="2" customFormat="1" ht="24" customHeight="1" x14ac:dyDescent="0.25"/>
    <row r="125" spans="2:6" s="2" customFormat="1" ht="24" customHeight="1" x14ac:dyDescent="0.25"/>
    <row r="126" spans="2:6" s="2" customFormat="1" ht="20.100000000000001" customHeight="1" x14ac:dyDescent="0.25"/>
    <row r="127" spans="2:6" s="2" customFormat="1" ht="20.100000000000001" customHeight="1" x14ac:dyDescent="0.25"/>
    <row r="128" spans="2:6" s="2" customFormat="1" ht="50.1" customHeight="1" x14ac:dyDescent="0.25"/>
    <row r="129" spans="2:5" s="2" customFormat="1" ht="43.5" customHeight="1" x14ac:dyDescent="0.25"/>
    <row r="130" spans="2:5" ht="24.75" customHeight="1" x14ac:dyDescent="0.2">
      <c r="B130" s="2"/>
      <c r="C130" s="2"/>
      <c r="D130" s="2"/>
      <c r="E130" s="2"/>
    </row>
    <row r="131" spans="2:5" x14ac:dyDescent="0.2">
      <c r="B131" s="2"/>
      <c r="C131" s="2"/>
      <c r="D131" s="2"/>
      <c r="E131" s="2"/>
    </row>
    <row r="132" spans="2:5" ht="20.100000000000001" customHeight="1" x14ac:dyDescent="0.2"/>
    <row r="133" spans="2:5" ht="4.5" customHeight="1" x14ac:dyDescent="0.2"/>
    <row r="134" spans="2:5" ht="20.100000000000001" customHeight="1" x14ac:dyDescent="0.2"/>
    <row r="135" spans="2:5" ht="20.100000000000001" customHeight="1" x14ac:dyDescent="0.2"/>
    <row r="136" spans="2:5" ht="20.100000000000001" customHeight="1" x14ac:dyDescent="0.2"/>
  </sheetData>
  <mergeCells count="100">
    <mergeCell ref="B57:F57"/>
    <mergeCell ref="E65:F65"/>
    <mergeCell ref="E66:F66"/>
    <mergeCell ref="E59:F59"/>
    <mergeCell ref="E96:F96"/>
    <mergeCell ref="E70:F70"/>
    <mergeCell ref="E71:F71"/>
    <mergeCell ref="E84:F84"/>
    <mergeCell ref="E85:F85"/>
    <mergeCell ref="E95:F95"/>
    <mergeCell ref="E74:F74"/>
    <mergeCell ref="E77:F77"/>
    <mergeCell ref="E78:F78"/>
    <mergeCell ref="E102:F102"/>
    <mergeCell ref="B98:F98"/>
    <mergeCell ref="B100:C101"/>
    <mergeCell ref="D100:F100"/>
    <mergeCell ref="E101:F101"/>
    <mergeCell ref="E87:F87"/>
    <mergeCell ref="E88:F88"/>
    <mergeCell ref="B2:F2"/>
    <mergeCell ref="B53:F53"/>
    <mergeCell ref="E43:F43"/>
    <mergeCell ref="B19:F19"/>
    <mergeCell ref="B20:D20"/>
    <mergeCell ref="E45:F45"/>
    <mergeCell ref="E46:F46"/>
    <mergeCell ref="E58:F58"/>
    <mergeCell ref="E60:F60"/>
    <mergeCell ref="E61:F61"/>
    <mergeCell ref="E62:F62"/>
    <mergeCell ref="E63:F63"/>
    <mergeCell ref="E64:F64"/>
    <mergeCell ref="E80:F80"/>
    <mergeCell ref="E81:F81"/>
    <mergeCell ref="E83:F83"/>
    <mergeCell ref="E82:F82"/>
    <mergeCell ref="E86:F86"/>
    <mergeCell ref="B11:F11"/>
    <mergeCell ref="B12:D12"/>
    <mergeCell ref="B41:F41"/>
    <mergeCell ref="E42:F42"/>
    <mergeCell ref="C31:D31"/>
    <mergeCell ref="B13:D13"/>
    <mergeCell ref="B37:F37"/>
    <mergeCell ref="B39:C40"/>
    <mergeCell ref="B1:F1"/>
    <mergeCell ref="B23:C23"/>
    <mergeCell ref="B26:C26"/>
    <mergeCell ref="B50:F50"/>
    <mergeCell ref="E48:F48"/>
    <mergeCell ref="E49:F49"/>
    <mergeCell ref="B17:D17"/>
    <mergeCell ref="B18:F18"/>
    <mergeCell ref="B3:F3"/>
    <mergeCell ref="B7:F7"/>
    <mergeCell ref="B9:D9"/>
    <mergeCell ref="E9:F9"/>
    <mergeCell ref="C28:D28"/>
    <mergeCell ref="C29:D29"/>
    <mergeCell ref="B44:F44"/>
    <mergeCell ref="B8:F8"/>
    <mergeCell ref="E72:F72"/>
    <mergeCell ref="E73:F73"/>
    <mergeCell ref="E119:F119"/>
    <mergeCell ref="E120:F120"/>
    <mergeCell ref="B114:F114"/>
    <mergeCell ref="B104:F104"/>
    <mergeCell ref="C105:F105"/>
    <mergeCell ref="C106:F106"/>
    <mergeCell ref="B107:E107"/>
    <mergeCell ref="B113:F113"/>
    <mergeCell ref="C108:D108"/>
    <mergeCell ref="C109:D109"/>
    <mergeCell ref="C110:D110"/>
    <mergeCell ref="C111:D111"/>
    <mergeCell ref="E117:F117"/>
    <mergeCell ref="E79:F79"/>
    <mergeCell ref="B21:F21"/>
    <mergeCell ref="B16:D16"/>
    <mergeCell ref="E75:F75"/>
    <mergeCell ref="E76:F76"/>
    <mergeCell ref="B22:F22"/>
    <mergeCell ref="C27:D27"/>
    <mergeCell ref="B33:C33"/>
    <mergeCell ref="D55:F55"/>
    <mergeCell ref="E56:F56"/>
    <mergeCell ref="B47:F47"/>
    <mergeCell ref="E67:F67"/>
    <mergeCell ref="E68:F68"/>
    <mergeCell ref="E69:F69"/>
    <mergeCell ref="D39:F39"/>
    <mergeCell ref="E40:F40"/>
    <mergeCell ref="B55:C56"/>
    <mergeCell ref="E94:F94"/>
    <mergeCell ref="E89:F89"/>
    <mergeCell ref="E90:F90"/>
    <mergeCell ref="E91:F91"/>
    <mergeCell ref="E92:F92"/>
    <mergeCell ref="E93:F93"/>
  </mergeCells>
  <conditionalFormatting sqref="D66:D68 D43 D45:D46 D48:D49 D51 D70:D96">
    <cfRule type="containsBlanks" dxfId="13" priority="117">
      <formula>LEN(TRIM(D43))=0</formula>
    </cfRule>
  </conditionalFormatting>
  <conditionalFormatting sqref="E119:F119">
    <cfRule type="containsBlanks" dxfId="12" priority="116">
      <formula>LEN(TRIM(E119))=0</formula>
    </cfRule>
  </conditionalFormatting>
  <conditionalFormatting sqref="C117">
    <cfRule type="containsBlanks" dxfId="11" priority="114">
      <formula>LEN(TRIM(C117))=0</formula>
    </cfRule>
  </conditionalFormatting>
  <conditionalFormatting sqref="E120:F120">
    <cfRule type="containsBlanks" dxfId="10" priority="115">
      <formula>LEN(TRIM(E120))=0</formula>
    </cfRule>
  </conditionalFormatting>
  <conditionalFormatting sqref="C119">
    <cfRule type="containsBlanks" dxfId="9" priority="113">
      <formula>LEN(TRIM(C119))=0</formula>
    </cfRule>
  </conditionalFormatting>
  <conditionalFormatting sqref="C4:C5">
    <cfRule type="containsBlanks" dxfId="8" priority="112">
      <formula>LEN(TRIM(C4))=0</formula>
    </cfRule>
  </conditionalFormatting>
  <conditionalFormatting sqref="D42">
    <cfRule type="containsBlanks" dxfId="7" priority="111">
      <formula>LEN(TRIM(D42))=0</formula>
    </cfRule>
  </conditionalFormatting>
  <conditionalFormatting sqref="C110:D110">
    <cfRule type="containsBlanks" dxfId="6" priority="102">
      <formula>LEN(TRIM(C110))=0</formula>
    </cfRule>
  </conditionalFormatting>
  <conditionalFormatting sqref="C109:D109">
    <cfRule type="containsBlanks" dxfId="5" priority="53">
      <formula>LEN(TRIM(C109))=0</formula>
    </cfRule>
  </conditionalFormatting>
  <conditionalFormatting sqref="C108:D108">
    <cfRule type="containsBlanks" dxfId="4" priority="52">
      <formula>LEN(TRIM(C108))=0</formula>
    </cfRule>
  </conditionalFormatting>
  <conditionalFormatting sqref="C111:D111">
    <cfRule type="containsBlanks" dxfId="3" priority="51">
      <formula>LEN(TRIM(C111))=0</formula>
    </cfRule>
  </conditionalFormatting>
  <conditionalFormatting sqref="D58:D65">
    <cfRule type="containsBlanks" dxfId="2" priority="46">
      <formula>LEN(TRIM(D58))=0</formula>
    </cfRule>
  </conditionalFormatting>
  <conditionalFormatting sqref="D102">
    <cfRule type="containsBlanks" dxfId="1" priority="44">
      <formula>LEN(TRIM(D102))=0</formula>
    </cfRule>
  </conditionalFormatting>
  <conditionalFormatting sqref="D69">
    <cfRule type="containsBlanks" dxfId="0" priority="43">
      <formula>LEN(TRIM(D69))=0</formula>
    </cfRule>
  </conditionalFormatting>
  <printOptions horizontalCentered="1"/>
  <pageMargins left="0.70866141732283472" right="0.70866141732283472" top="0.9055118110236221" bottom="0.74803149606299213" header="0.31496062992125984" footer="0.31496062992125984"/>
  <pageSetup paperSize="9" scale="41"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65" min="1" max="5" man="1"/>
    <brk id="97"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2-04-05T06:22:57Z</cp:lastPrinted>
  <dcterms:created xsi:type="dcterms:W3CDTF">2017-04-21T05:51:15Z</dcterms:created>
  <dcterms:modified xsi:type="dcterms:W3CDTF">2022-04-05T06:23:41Z</dcterms:modified>
</cp:coreProperties>
</file>